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/>
  <mc:AlternateContent xmlns:mc="http://schemas.openxmlformats.org/markup-compatibility/2006">
    <mc:Choice Requires="x15">
      <x15ac:absPath xmlns:x15ac="http://schemas.microsoft.com/office/spreadsheetml/2010/11/ac" url="\\smd1fs01\s165\S165経営支援部\新事部-R1連携事業支援☆\C2 03販路開拓支援\C2 01 パートナー事業\C2 03 パートナー企画\C2 令和6年度\03-14_日本橋三越本店_食品POPUP               （完了）\01_エントリー\"/>
    </mc:Choice>
  </mc:AlternateContent>
  <xr:revisionPtr revIDLastSave="0" documentId="13_ncr:1_{B1655218-5144-4EA3-857A-3DC8A7151FA7}" xr6:coauthVersionLast="47" xr6:coauthVersionMax="47" xr10:uidLastSave="{00000000-0000-0000-0000-000000000000}"/>
  <bookViews>
    <workbookView xWindow="-120" yWindow="-16320" windowWidth="29040" windowHeight="15840" xr2:uid="{00000000-000D-0000-FFFF-FFFF00000000}"/>
  </bookViews>
  <sheets>
    <sheet name="申込書" sheetId="2" r:id="rId1"/>
    <sheet name="リスト" sheetId="3" state="hidden" r:id="rId2"/>
  </sheets>
  <definedNames>
    <definedName name="サービス業・他に分類されないもの">リスト!$V$4:$V$12</definedName>
    <definedName name="医療・福祉">リスト!$T$4:$T$6</definedName>
    <definedName name="運輸業・郵便業">リスト!$L$4:$L$11</definedName>
    <definedName name="卸売業・小売業">リスト!$M$4:$M$15</definedName>
    <definedName name="学術研究・専門・技術サービス業">リスト!$P$4:$P$7</definedName>
    <definedName name="漁業">リスト!$F$4:$F$5</definedName>
    <definedName name="教育・学習支援業">リスト!$S$4:$S$5</definedName>
    <definedName name="金融業・保険業">リスト!$N$4:$N$9</definedName>
    <definedName name="建設業">リスト!$H$4:$H$6</definedName>
    <definedName name="公務・他に分類されるものを除く">リスト!$W$4:$W$5</definedName>
    <definedName name="鉱業・採石業・砂利採取業">リスト!$G$4</definedName>
    <definedName name="宿泊業・飲食サービス業">リスト!$Q$4:$Q$6</definedName>
    <definedName name="情報通信業">リスト!$K$4:$K$8</definedName>
    <definedName name="生活関連サービス業・娯楽業">リスト!$R$4:$R$6</definedName>
    <definedName name="製造業">リスト!$I$4:$I$27</definedName>
    <definedName name="電気・ガス・熱供給・水道業">リスト!$J$4:$J$7</definedName>
    <definedName name="農業・林業">リスト!$E$4:$E$5</definedName>
    <definedName name="不動産業・物品賃貸業">リスト!$O$4:$O$6</definedName>
    <definedName name="複合サービス事業">リスト!$U$4:$U$5</definedName>
    <definedName name="分類不能の産業">リスト!$X$4</definedName>
  </definedNames>
  <calcPr calcId="162913"/>
</workbook>
</file>

<file path=xl/sharedStrings.xml><?xml version="1.0" encoding="utf-8"?>
<sst xmlns="http://schemas.openxmlformats.org/spreadsheetml/2006/main" count="163" uniqueCount="158">
  <si>
    <t>フリガナ</t>
    <phoneticPr fontId="1"/>
  </si>
  <si>
    <t>商品名</t>
    <rPh sb="0" eb="3">
      <t>ショウヒンメイ</t>
    </rPh>
    <phoneticPr fontId="1"/>
  </si>
  <si>
    <t>商品紹介URL</t>
    <rPh sb="0" eb="2">
      <t>ショウヒン</t>
    </rPh>
    <rPh sb="2" eb="4">
      <t>ショウカイ</t>
    </rPh>
    <phoneticPr fontId="1"/>
  </si>
  <si>
    <t>商品の概要、特長</t>
    <rPh sb="0" eb="2">
      <t>ショウヒン</t>
    </rPh>
    <rPh sb="3" eb="5">
      <t>ガイヨウ</t>
    </rPh>
    <rPh sb="6" eb="8">
      <t>トクチョウ</t>
    </rPh>
    <phoneticPr fontId="1"/>
  </si>
  <si>
    <t>✓</t>
    <phoneticPr fontId="1"/>
  </si>
  <si>
    <t>アパレル</t>
    <phoneticPr fontId="1"/>
  </si>
  <si>
    <t>ファッショングッズ</t>
    <phoneticPr fontId="1"/>
  </si>
  <si>
    <t>日用雑貨</t>
    <rPh sb="0" eb="4">
      <t>ニチヨウザッカ</t>
    </rPh>
    <phoneticPr fontId="1"/>
  </si>
  <si>
    <t>ホビー・スポーツ</t>
    <phoneticPr fontId="1"/>
  </si>
  <si>
    <t>美容・健康</t>
    <rPh sb="0" eb="2">
      <t>ビヨウ</t>
    </rPh>
    <rPh sb="3" eb="5">
      <t>ケンコウ</t>
    </rPh>
    <phoneticPr fontId="1"/>
  </si>
  <si>
    <t>家電・PC・AV機器</t>
    <rPh sb="0" eb="2">
      <t>カデン</t>
    </rPh>
    <rPh sb="8" eb="10">
      <t>キキ</t>
    </rPh>
    <phoneticPr fontId="1"/>
  </si>
  <si>
    <t>家具・インテリア</t>
    <rPh sb="0" eb="2">
      <t>カグ</t>
    </rPh>
    <phoneticPr fontId="1"/>
  </si>
  <si>
    <t>店舗用品・事務用品</t>
    <rPh sb="0" eb="4">
      <t>テンポヨウヒン</t>
    </rPh>
    <rPh sb="5" eb="9">
      <t>ジムヨウヒン</t>
    </rPh>
    <phoneticPr fontId="1"/>
  </si>
  <si>
    <t>食品・飲料</t>
    <rPh sb="0" eb="2">
      <t>ショクヒン</t>
    </rPh>
    <rPh sb="3" eb="5">
      <t>インリョウ</t>
    </rPh>
    <phoneticPr fontId="1"/>
  </si>
  <si>
    <t>※本様式はPDF化せず、Excel形式のままでご提出ください　　　</t>
    <rPh sb="1" eb="2">
      <t>ホン</t>
    </rPh>
    <rPh sb="2" eb="4">
      <t>ヨウシキ</t>
    </rPh>
    <rPh sb="8" eb="9">
      <t>カ</t>
    </rPh>
    <rPh sb="17" eb="19">
      <t>ケイシキ</t>
    </rPh>
    <rPh sb="24" eb="26">
      <t>テイシュツ</t>
    </rPh>
    <phoneticPr fontId="4"/>
  </si>
  <si>
    <t>漁業</t>
  </si>
  <si>
    <t>鉱業，採石業，砂利採取業</t>
  </si>
  <si>
    <t>建設業</t>
  </si>
  <si>
    <t>製造業</t>
  </si>
  <si>
    <t>電気・ガス・熱供給・水道業</t>
  </si>
  <si>
    <t>情報通信業</t>
  </si>
  <si>
    <t>運輸業，郵便業</t>
  </si>
  <si>
    <t>卸売業・小売業</t>
  </si>
  <si>
    <t>金融業・保険業</t>
  </si>
  <si>
    <t>不動産業，物品賃貸業</t>
  </si>
  <si>
    <t>学術研究，専門・技術サービス業</t>
  </si>
  <si>
    <t>宿泊業，飲食サービス業</t>
  </si>
  <si>
    <t>教育，学習支援業</t>
  </si>
  <si>
    <t>医療，福祉</t>
  </si>
  <si>
    <t>複合サービス事業</t>
  </si>
  <si>
    <t>サービス業（他に分類されないもの）</t>
  </si>
  <si>
    <t>公務（他に分類されるものを除く）</t>
  </si>
  <si>
    <t>分類不能の産業</t>
  </si>
  <si>
    <t>農業</t>
  </si>
  <si>
    <t>林業</t>
  </si>
  <si>
    <t>漁業（水産養殖業を除く）</t>
  </si>
  <si>
    <t>水産養殖業</t>
  </si>
  <si>
    <t>総合工事業</t>
  </si>
  <si>
    <t>職別工事業(設備工事業を除く)</t>
  </si>
  <si>
    <t>設備工事業</t>
  </si>
  <si>
    <t>食料品製造業</t>
  </si>
  <si>
    <t>飲料・たばこ・飼料製造業</t>
  </si>
  <si>
    <t>繊維工業</t>
  </si>
  <si>
    <t>木材・木製品製造業（家具を除く）</t>
  </si>
  <si>
    <t>家具・装備品製造業</t>
  </si>
  <si>
    <t>パルプ・紙・紙加工品製造業</t>
  </si>
  <si>
    <t>印刷・同関連業</t>
  </si>
  <si>
    <t>化学工業</t>
  </si>
  <si>
    <t>石油製品・石炭製品製造業</t>
  </si>
  <si>
    <t>プラスチック製品製造業（別掲を除く）</t>
  </si>
  <si>
    <t>ゴム製品製造業</t>
  </si>
  <si>
    <t>なめし革・同製品・毛皮製造業</t>
  </si>
  <si>
    <t>窯業・土石製品製造業</t>
  </si>
  <si>
    <t>鉄鋼業</t>
  </si>
  <si>
    <t>非鉄金属製造業</t>
  </si>
  <si>
    <t>金属製品製造業</t>
  </si>
  <si>
    <t>はん用機械器具製造業</t>
  </si>
  <si>
    <t>生産用機械器具製造業</t>
  </si>
  <si>
    <t>業務用機械器具製造業</t>
  </si>
  <si>
    <t>電子部品・デバイス・電子回路製造業</t>
  </si>
  <si>
    <t>電気機械器具製造業</t>
  </si>
  <si>
    <t>情報通信機械器具製造業</t>
  </si>
  <si>
    <t>輸送用機械器具製造業</t>
  </si>
  <si>
    <t>その他の製造業</t>
  </si>
  <si>
    <t>電気業</t>
  </si>
  <si>
    <t>ガス業</t>
  </si>
  <si>
    <t>熱供給業</t>
  </si>
  <si>
    <t>水道業</t>
  </si>
  <si>
    <t>通信業</t>
  </si>
  <si>
    <t>放送業</t>
  </si>
  <si>
    <t>情報サービス業</t>
  </si>
  <si>
    <t>インターネット附随サービス業</t>
  </si>
  <si>
    <t>映像・音声・文字情報制作業</t>
  </si>
  <si>
    <t>鉄道業</t>
  </si>
  <si>
    <t>道路旅客運送業</t>
  </si>
  <si>
    <t>道路貨物運送業</t>
  </si>
  <si>
    <t>水運業</t>
  </si>
  <si>
    <t>航空運輸業</t>
  </si>
  <si>
    <t>倉庫業</t>
  </si>
  <si>
    <t>運輸に附帯するサービス業</t>
  </si>
  <si>
    <t>郵便業（信書便事業を含む）</t>
  </si>
  <si>
    <t>各種商品卸売業</t>
  </si>
  <si>
    <t>繊維・衣服等卸売業</t>
  </si>
  <si>
    <t>飲食料品卸売業</t>
  </si>
  <si>
    <t>建築材料，鉱物・金属材料等卸売業</t>
  </si>
  <si>
    <t>機械器具卸売業</t>
  </si>
  <si>
    <t>その他の卸売業</t>
  </si>
  <si>
    <t>各種商品小売業</t>
  </si>
  <si>
    <t>織物・衣服・身の回り品小売業</t>
  </si>
  <si>
    <t>飲食料品小売業</t>
  </si>
  <si>
    <t>機械器具小売業</t>
  </si>
  <si>
    <t>その他の小売業</t>
  </si>
  <si>
    <t>無店舗小売業</t>
  </si>
  <si>
    <t>銀行業</t>
  </si>
  <si>
    <t>協同組織金融業</t>
  </si>
  <si>
    <t>貸金業，クレジットカード業等非預金信用機関</t>
  </si>
  <si>
    <t>金融商品取引業，商品先物取引業</t>
  </si>
  <si>
    <t>補助的金融業等</t>
  </si>
  <si>
    <t>保険業（保険媒介代理業，保険サービス業を含む）</t>
  </si>
  <si>
    <t>不動産取引業</t>
  </si>
  <si>
    <t>不動産賃貸業・管理業</t>
  </si>
  <si>
    <t>物品賃貸業</t>
  </si>
  <si>
    <t>学術・開発研究機関</t>
  </si>
  <si>
    <t>専門サービス業（他に分類されないもの）</t>
  </si>
  <si>
    <t>広告業</t>
  </si>
  <si>
    <t>技術サービス業（他に分類されないもの）</t>
  </si>
  <si>
    <t>宿泊業</t>
  </si>
  <si>
    <t>飲食店</t>
  </si>
  <si>
    <t>持ち帰り・配達飲食サービス業</t>
  </si>
  <si>
    <t>洗濯・理容・美容・浴場業</t>
  </si>
  <si>
    <t>その他の生活関連サービス業</t>
  </si>
  <si>
    <t>娯楽業</t>
  </si>
  <si>
    <t>学校教育</t>
  </si>
  <si>
    <t>その他の教育，学習支援業</t>
  </si>
  <si>
    <t>医療業</t>
  </si>
  <si>
    <t>保健衛生</t>
  </si>
  <si>
    <t>社会保険・社会福祉・介護事業</t>
  </si>
  <si>
    <t>郵便局</t>
  </si>
  <si>
    <t>協同組合（他に分類されないもの）</t>
  </si>
  <si>
    <t>廃棄物処理業</t>
  </si>
  <si>
    <t>自動車整備業</t>
  </si>
  <si>
    <t>機械等修理業（別掲を除く）</t>
  </si>
  <si>
    <t>職業紹介・労働者派遣業</t>
  </si>
  <si>
    <t>その他の事業サービス業</t>
  </si>
  <si>
    <t>政治・経済・文化団体</t>
  </si>
  <si>
    <t>宗教</t>
  </si>
  <si>
    <t>その他のサービス業</t>
  </si>
  <si>
    <t>外国公務</t>
  </si>
  <si>
    <t>国家公務</t>
  </si>
  <si>
    <t>地方公務</t>
  </si>
  <si>
    <t>農業，林業</t>
    <phoneticPr fontId="1"/>
  </si>
  <si>
    <t>生活関連サービス業，娯楽業</t>
    <phoneticPr fontId="1"/>
  </si>
  <si>
    <t>農業・林業</t>
    <phoneticPr fontId="1"/>
  </si>
  <si>
    <t>鉱業・採石業・砂利採取業</t>
    <phoneticPr fontId="1"/>
  </si>
  <si>
    <t>運輸業・郵便業</t>
    <phoneticPr fontId="1"/>
  </si>
  <si>
    <t>不動産業・物品賃貸業</t>
    <phoneticPr fontId="1"/>
  </si>
  <si>
    <t>学術研究・専門・技術サービス業</t>
    <phoneticPr fontId="1"/>
  </si>
  <si>
    <t>宿泊業・飲食サービス業</t>
    <phoneticPr fontId="1"/>
  </si>
  <si>
    <t>生活関連サービス業・娯楽業</t>
    <phoneticPr fontId="1"/>
  </si>
  <si>
    <t>教育・学習支援業</t>
    <phoneticPr fontId="1"/>
  </si>
  <si>
    <t>医療・福祉</t>
    <phoneticPr fontId="1"/>
  </si>
  <si>
    <t>建設業</t>
    <phoneticPr fontId="1"/>
  </si>
  <si>
    <t>電気・ガス・熱供給・水道業</t>
    <phoneticPr fontId="1"/>
  </si>
  <si>
    <t>情報通信業</t>
    <phoneticPr fontId="1"/>
  </si>
  <si>
    <t>卸売業・小売業</t>
    <phoneticPr fontId="1"/>
  </si>
  <si>
    <t>金融業・保険業</t>
    <phoneticPr fontId="1"/>
  </si>
  <si>
    <t>複合サービス事業</t>
    <phoneticPr fontId="1"/>
  </si>
  <si>
    <t>サービス業・他に分類されないもの</t>
    <phoneticPr fontId="1"/>
  </si>
  <si>
    <t>公務・他に分類されるものを除く</t>
    <phoneticPr fontId="1"/>
  </si>
  <si>
    <t>分類不能の産業</t>
    <phoneticPr fontId="1"/>
  </si>
  <si>
    <t>今回、催事で提案する主力商品について教えてください</t>
    <rPh sb="0" eb="2">
      <t>コンカイ</t>
    </rPh>
    <rPh sb="3" eb="5">
      <t>サイジ</t>
    </rPh>
    <rPh sb="6" eb="8">
      <t>テイアン</t>
    </rPh>
    <rPh sb="10" eb="14">
      <t>シュリョクショウヒン</t>
    </rPh>
    <rPh sb="18" eb="19">
      <t>オシ</t>
    </rPh>
    <phoneticPr fontId="1"/>
  </si>
  <si>
    <t>過去に催事等の実績があればご教授ください</t>
    <rPh sb="0" eb="2">
      <t>カコ</t>
    </rPh>
    <rPh sb="3" eb="5">
      <t>サイジ</t>
    </rPh>
    <rPh sb="5" eb="6">
      <t>トウ</t>
    </rPh>
    <rPh sb="7" eb="9">
      <t>ジッセキ</t>
    </rPh>
    <rPh sb="14" eb="16">
      <t>キョウジュ</t>
    </rPh>
    <phoneticPr fontId="1"/>
  </si>
  <si>
    <t>画像</t>
    <rPh sb="0" eb="2">
      <t>ガゾウ</t>
    </rPh>
    <phoneticPr fontId="1"/>
  </si>
  <si>
    <t>催事名、時期、売上等</t>
    <rPh sb="0" eb="3">
      <t>サイジメイ</t>
    </rPh>
    <rPh sb="4" eb="6">
      <t>ジキ</t>
    </rPh>
    <rPh sb="7" eb="9">
      <t>ウリアゲ</t>
    </rPh>
    <rPh sb="9" eb="10">
      <t>トウ</t>
    </rPh>
    <phoneticPr fontId="1"/>
  </si>
  <si>
    <t>企業名</t>
    <rPh sb="0" eb="3">
      <t>キギョウメイ</t>
    </rPh>
    <phoneticPr fontId="1"/>
  </si>
  <si>
    <t>　三越日本橋本店　食品催事 エントリーシート</t>
    <rPh sb="1" eb="8">
      <t>ミツコシニホンバシホンテン</t>
    </rPh>
    <rPh sb="9" eb="11">
      <t>ショクヒン</t>
    </rPh>
    <rPh sb="11" eb="13">
      <t>サイジ</t>
    </rPh>
    <phoneticPr fontId="4"/>
  </si>
  <si>
    <t>１．商品情報</t>
    <rPh sb="2" eb="6">
      <t>ショウヒンジョウホウ</t>
    </rPh>
    <phoneticPr fontId="4"/>
  </si>
  <si>
    <t>2．催事等実績</t>
    <rPh sb="2" eb="4">
      <t>サイジ</t>
    </rPh>
    <rPh sb="4" eb="5">
      <t>トウ</t>
    </rPh>
    <rPh sb="5" eb="7">
      <t>ジッセキ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Yu Gothic"/>
      <family val="2"/>
      <charset val="128"/>
      <scheme val="minor"/>
    </font>
    <font>
      <sz val="11"/>
      <name val="BIZ UDPゴシック"/>
      <family val="3"/>
      <charset val="128"/>
    </font>
    <font>
      <b/>
      <sz val="8"/>
      <color rgb="FFFF0000"/>
      <name val="BIZ UDPゴシック"/>
      <family val="3"/>
      <charset val="128"/>
    </font>
    <font>
      <sz val="10"/>
      <name val="BIZ UDPゴシック"/>
      <family val="3"/>
      <charset val="128"/>
    </font>
    <font>
      <b/>
      <sz val="11"/>
      <name val="BIZ UDPゴシック"/>
      <family val="3"/>
      <charset val="128"/>
    </font>
    <font>
      <sz val="10.5"/>
      <name val="BIZ UDPゴシック"/>
      <family val="3"/>
      <charset val="128"/>
    </font>
    <font>
      <b/>
      <sz val="12"/>
      <name val="BIZ UDPゴシック"/>
      <family val="3"/>
      <charset val="128"/>
    </font>
    <font>
      <b/>
      <sz val="12"/>
      <color theme="0"/>
      <name val="BIZ UDPゴシック"/>
      <family val="3"/>
      <charset val="128"/>
    </font>
    <font>
      <b/>
      <sz val="8"/>
      <color theme="0"/>
      <name val="BIZ UDPゴシック"/>
      <family val="3"/>
      <charset val="128"/>
    </font>
    <font>
      <sz val="10"/>
      <color theme="0" tint="-0.499984740745262"/>
      <name val="BIZ UDP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6C5E3B"/>
        <bgColor indexed="64"/>
      </patternFill>
    </fill>
  </fills>
  <borders count="17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0" fontId="2" fillId="0" borderId="0" applyNumberFormat="0" applyFill="0" applyBorder="0" applyAlignment="0" applyProtection="0">
      <alignment vertical="top"/>
      <protection locked="0"/>
    </xf>
    <xf numFmtId="38" fontId="3" fillId="0" borderId="0" applyFont="0" applyFill="0" applyBorder="0" applyAlignment="0" applyProtection="0">
      <alignment vertical="center"/>
    </xf>
  </cellStyleXfs>
  <cellXfs count="40">
    <xf numFmtId="0" fontId="0" fillId="0" borderId="0" xfId="0"/>
    <xf numFmtId="0" fontId="5" fillId="0" borderId="0" xfId="0" applyFont="1" applyAlignment="1">
      <alignment vertical="center"/>
    </xf>
    <xf numFmtId="0" fontId="10" fillId="2" borderId="0" xfId="0" applyFont="1" applyFill="1" applyAlignment="1">
      <alignment vertical="center"/>
    </xf>
    <xf numFmtId="0" fontId="6" fillId="2" borderId="0" xfId="0" applyFont="1" applyFill="1" applyAlignment="1">
      <alignment horizontal="left" vertical="center" shrinkToFit="1"/>
    </xf>
    <xf numFmtId="49" fontId="7" fillId="0" borderId="0" xfId="0" applyNumberFormat="1" applyFont="1" applyAlignment="1">
      <alignment horizontal="center" vertical="center" shrinkToFit="1"/>
    </xf>
    <xf numFmtId="38" fontId="9" fillId="2" borderId="0" xfId="2" applyFont="1" applyFill="1" applyBorder="1" applyAlignment="1" applyProtection="1">
      <alignment horizontal="right" vertical="center"/>
      <protection locked="0"/>
    </xf>
    <xf numFmtId="49" fontId="9" fillId="2" borderId="0" xfId="1" applyNumberFormat="1" applyFont="1" applyFill="1" applyBorder="1" applyAlignment="1" applyProtection="1">
      <alignment vertical="center"/>
      <protection locked="0"/>
    </xf>
    <xf numFmtId="49" fontId="7" fillId="0" borderId="0" xfId="0" applyNumberFormat="1" applyFont="1" applyAlignment="1" applyProtection="1">
      <alignment horizontal="center" vertical="center" shrinkToFit="1"/>
      <protection locked="0"/>
    </xf>
    <xf numFmtId="38" fontId="9" fillId="2" borderId="0" xfId="2" applyFont="1" applyFill="1" applyBorder="1" applyAlignment="1" applyProtection="1">
      <alignment horizontal="left" vertical="center"/>
      <protection locked="0"/>
    </xf>
    <xf numFmtId="0" fontId="5" fillId="0" borderId="0" xfId="0" applyFont="1"/>
    <xf numFmtId="0" fontId="8" fillId="0" borderId="0" xfId="0" applyFont="1"/>
    <xf numFmtId="49" fontId="7" fillId="0" borderId="1" xfId="0" applyNumberFormat="1" applyFont="1" applyBorder="1" applyAlignment="1">
      <alignment horizontal="center" vertical="center" shrinkToFit="1"/>
    </xf>
    <xf numFmtId="0" fontId="11" fillId="3" borderId="0" xfId="0" applyFont="1" applyFill="1" applyAlignment="1">
      <alignment horizontal="left" vertical="center"/>
    </xf>
    <xf numFmtId="0" fontId="12" fillId="3" borderId="0" xfId="0" applyFont="1" applyFill="1" applyAlignment="1">
      <alignment horizontal="right" vertical="center" shrinkToFit="1"/>
    </xf>
    <xf numFmtId="49" fontId="9" fillId="0" borderId="12" xfId="0" applyNumberFormat="1" applyFont="1" applyBorder="1" applyAlignment="1">
      <alignment horizontal="center" vertical="center"/>
    </xf>
    <xf numFmtId="49" fontId="9" fillId="0" borderId="13" xfId="0" applyNumberFormat="1" applyFont="1" applyBorder="1" applyAlignment="1">
      <alignment horizontal="center" vertical="center"/>
    </xf>
    <xf numFmtId="49" fontId="9" fillId="0" borderId="15" xfId="0" applyNumberFormat="1" applyFont="1" applyBorder="1" applyAlignment="1">
      <alignment horizontal="center" vertical="center"/>
    </xf>
    <xf numFmtId="49" fontId="9" fillId="0" borderId="10" xfId="0" applyNumberFormat="1" applyFont="1" applyBorder="1" applyAlignment="1">
      <alignment horizontal="center" vertical="center" wrapText="1"/>
    </xf>
    <xf numFmtId="49" fontId="9" fillId="0" borderId="1" xfId="0" applyNumberFormat="1" applyFont="1" applyBorder="1" applyAlignment="1">
      <alignment horizontal="center" vertical="center" wrapText="1"/>
    </xf>
    <xf numFmtId="49" fontId="9" fillId="0" borderId="2" xfId="0" applyNumberFormat="1" applyFont="1" applyBorder="1" applyAlignment="1">
      <alignment horizontal="center" vertical="center" wrapText="1"/>
    </xf>
    <xf numFmtId="49" fontId="13" fillId="0" borderId="5" xfId="0" applyNumberFormat="1" applyFont="1" applyBorder="1" applyAlignment="1" applyProtection="1">
      <alignment horizontal="center" vertical="center" shrinkToFit="1"/>
      <protection locked="0"/>
    </xf>
    <xf numFmtId="49" fontId="13" fillId="0" borderId="11" xfId="0" applyNumberFormat="1" applyFont="1" applyBorder="1" applyAlignment="1" applyProtection="1">
      <alignment horizontal="center" vertical="center" shrinkToFit="1"/>
      <protection locked="0"/>
    </xf>
    <xf numFmtId="49" fontId="13" fillId="0" borderId="0" xfId="0" applyNumberFormat="1" applyFont="1" applyAlignment="1" applyProtection="1">
      <alignment horizontal="center" vertical="center" shrinkToFit="1"/>
      <protection locked="0"/>
    </xf>
    <xf numFmtId="49" fontId="13" fillId="0" borderId="6" xfId="0" applyNumberFormat="1" applyFont="1" applyBorder="1" applyAlignment="1" applyProtection="1">
      <alignment horizontal="center" vertical="center" shrinkToFit="1"/>
      <protection locked="0"/>
    </xf>
    <xf numFmtId="49" fontId="13" fillId="0" borderId="1" xfId="0" applyNumberFormat="1" applyFont="1" applyBorder="1" applyAlignment="1" applyProtection="1">
      <alignment horizontal="center" vertical="center" shrinkToFit="1"/>
      <protection locked="0"/>
    </xf>
    <xf numFmtId="49" fontId="13" fillId="0" borderId="2" xfId="0" applyNumberFormat="1" applyFont="1" applyBorder="1" applyAlignment="1" applyProtection="1">
      <alignment horizontal="center" vertical="center" shrinkToFit="1"/>
      <protection locked="0"/>
    </xf>
    <xf numFmtId="49" fontId="7" fillId="0" borderId="3" xfId="0" applyNumberFormat="1" applyFont="1" applyBorder="1" applyAlignment="1">
      <alignment horizontal="center" vertical="center" shrinkToFit="1"/>
    </xf>
    <xf numFmtId="49" fontId="7" fillId="0" borderId="4" xfId="0" applyNumberFormat="1" applyFont="1" applyBorder="1" applyAlignment="1">
      <alignment horizontal="center" vertical="center" shrinkToFit="1"/>
    </xf>
    <xf numFmtId="49" fontId="7" fillId="0" borderId="8" xfId="0" applyNumberFormat="1" applyFont="1" applyBorder="1" applyAlignment="1">
      <alignment horizontal="center" vertical="center" shrinkToFit="1"/>
    </xf>
    <xf numFmtId="49" fontId="7" fillId="0" borderId="7" xfId="0" applyNumberFormat="1" applyFont="1" applyBorder="1" applyAlignment="1">
      <alignment horizontal="left" vertical="center" shrinkToFit="1"/>
    </xf>
    <xf numFmtId="49" fontId="7" fillId="0" borderId="0" xfId="0" applyNumberFormat="1" applyFont="1" applyAlignment="1">
      <alignment horizontal="left" vertical="center" shrinkToFit="1"/>
    </xf>
    <xf numFmtId="49" fontId="7" fillId="0" borderId="6" xfId="0" applyNumberFormat="1" applyFont="1" applyBorder="1" applyAlignment="1">
      <alignment horizontal="left" vertical="center" shrinkToFit="1"/>
    </xf>
    <xf numFmtId="49" fontId="7" fillId="0" borderId="10" xfId="0" applyNumberFormat="1" applyFont="1" applyBorder="1" applyAlignment="1">
      <alignment horizontal="left" vertical="center" shrinkToFit="1"/>
    </xf>
    <xf numFmtId="49" fontId="7" fillId="0" borderId="1" xfId="0" applyNumberFormat="1" applyFont="1" applyBorder="1" applyAlignment="1">
      <alignment horizontal="left" vertical="center" shrinkToFit="1"/>
    </xf>
    <xf numFmtId="49" fontId="7" fillId="0" borderId="2" xfId="0" applyNumberFormat="1" applyFont="1" applyBorder="1" applyAlignment="1">
      <alignment horizontal="left" vertical="center" shrinkToFit="1"/>
    </xf>
    <xf numFmtId="49" fontId="13" fillId="0" borderId="9" xfId="0" applyNumberFormat="1" applyFont="1" applyBorder="1" applyAlignment="1" applyProtection="1">
      <alignment horizontal="center" vertical="center" shrinkToFit="1"/>
      <protection locked="0"/>
    </xf>
    <xf numFmtId="38" fontId="9" fillId="2" borderId="9" xfId="2" applyFont="1" applyFill="1" applyBorder="1" applyAlignment="1" applyProtection="1">
      <alignment horizontal="left" vertical="center"/>
      <protection locked="0"/>
    </xf>
    <xf numFmtId="49" fontId="7" fillId="0" borderId="9" xfId="0" applyNumberFormat="1" applyFont="1" applyBorder="1" applyAlignment="1">
      <alignment horizontal="center" vertical="center" shrinkToFit="1"/>
    </xf>
    <xf numFmtId="38" fontId="9" fillId="2" borderId="16" xfId="2" applyFont="1" applyFill="1" applyBorder="1" applyAlignment="1" applyProtection="1">
      <alignment horizontal="left" vertical="center"/>
      <protection locked="0"/>
    </xf>
    <xf numFmtId="38" fontId="9" fillId="2" borderId="14" xfId="2" applyFont="1" applyFill="1" applyBorder="1" applyAlignment="1" applyProtection="1">
      <alignment horizontal="left" vertical="center"/>
      <protection locked="0"/>
    </xf>
  </cellXfs>
  <cellStyles count="3">
    <cellStyle name="ハイパーリンク" xfId="1" builtinId="8"/>
    <cellStyle name="桁区切り" xfId="2" builtinId="6"/>
    <cellStyle name="標準" xfId="0" builtinId="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E1DAC9"/>
      <color rgb="FF6C5E3B"/>
      <color rgb="FFE2F3FA"/>
      <color rgb="FFCCECFF"/>
      <color rgb="FFDEEDEA"/>
      <color rgb="FF36A8D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B01F57-A880-4B52-84B9-D262F032B1E9}">
  <dimension ref="A1:P24"/>
  <sheetViews>
    <sheetView tabSelected="1" workbookViewId="0">
      <selection activeCell="A16" sqref="A16:I19"/>
    </sheetView>
  </sheetViews>
  <sheetFormatPr defaultColWidth="9" defaultRowHeight="13"/>
  <cols>
    <col min="1" max="2" width="5.7265625" style="1" customWidth="1"/>
    <col min="3" max="3" width="5.453125" style="1" customWidth="1"/>
    <col min="4" max="6" width="5.7265625" style="1" customWidth="1"/>
    <col min="7" max="7" width="5.90625" style="1" customWidth="1"/>
    <col min="8" max="8" width="4.453125" style="1" customWidth="1"/>
    <col min="9" max="13" width="5.7265625" style="1" customWidth="1"/>
    <col min="14" max="14" width="5.08984375" style="1" customWidth="1"/>
    <col min="15" max="15" width="4.36328125" style="1" customWidth="1"/>
    <col min="16" max="16" width="4" style="1" customWidth="1"/>
    <col min="17" max="17" width="2.08984375" style="1" customWidth="1"/>
    <col min="18" max="16384" width="9" style="1"/>
  </cols>
  <sheetData>
    <row r="1" spans="1:16" ht="27.75" customHeight="1">
      <c r="A1" s="12" t="s">
        <v>155</v>
      </c>
      <c r="B1" s="12"/>
      <c r="C1" s="12"/>
      <c r="D1" s="12"/>
      <c r="E1" s="12"/>
      <c r="F1" s="12"/>
      <c r="G1" s="12"/>
      <c r="H1" s="12"/>
      <c r="I1" s="12"/>
      <c r="J1" s="12"/>
      <c r="K1" s="12"/>
      <c r="L1" s="12"/>
      <c r="M1" s="12"/>
      <c r="N1" s="12"/>
      <c r="O1" s="12"/>
      <c r="P1" s="12"/>
    </row>
    <row r="2" spans="1:16">
      <c r="A2" s="13" t="s">
        <v>14</v>
      </c>
      <c r="B2" s="13"/>
      <c r="C2" s="13"/>
      <c r="D2" s="13"/>
      <c r="E2" s="13"/>
      <c r="F2" s="13"/>
      <c r="G2" s="13"/>
      <c r="H2" s="13"/>
      <c r="I2" s="13"/>
      <c r="J2" s="13"/>
      <c r="K2" s="13"/>
      <c r="L2" s="13"/>
      <c r="M2" s="13"/>
      <c r="N2" s="13"/>
      <c r="O2" s="13"/>
      <c r="P2" s="13"/>
    </row>
    <row r="3" spans="1:16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</row>
    <row r="4" spans="1:16" ht="20.25" customHeight="1">
      <c r="A4" s="6"/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</row>
    <row r="5" spans="1:16" ht="24.75" customHeight="1">
      <c r="A5" s="2" t="s">
        <v>156</v>
      </c>
      <c r="B5" s="11"/>
      <c r="C5" s="4"/>
      <c r="D5" s="8" t="s">
        <v>150</v>
      </c>
      <c r="E5" s="5"/>
      <c r="F5" s="5"/>
      <c r="G5" s="5"/>
      <c r="H5" s="6"/>
      <c r="I5" s="7"/>
      <c r="J5" s="7"/>
      <c r="K5" s="7"/>
      <c r="L5" s="5"/>
      <c r="M5" s="5"/>
      <c r="N5" s="5"/>
      <c r="O5" s="5"/>
      <c r="P5" s="6"/>
    </row>
    <row r="6" spans="1:16" ht="16" customHeight="1">
      <c r="A6" s="14" t="s">
        <v>0</v>
      </c>
      <c r="B6" s="15"/>
      <c r="C6" s="16"/>
      <c r="D6" s="39"/>
      <c r="E6" s="39"/>
      <c r="F6" s="39"/>
      <c r="G6" s="39"/>
      <c r="H6" s="39"/>
      <c r="I6" s="39"/>
      <c r="J6" s="35" t="s">
        <v>152</v>
      </c>
      <c r="K6" s="35"/>
      <c r="L6" s="35"/>
      <c r="M6" s="35"/>
      <c r="N6" s="35"/>
      <c r="O6" s="35"/>
      <c r="P6" s="35"/>
    </row>
    <row r="7" spans="1:16" ht="29" customHeight="1">
      <c r="A7" s="17" t="s">
        <v>154</v>
      </c>
      <c r="B7" s="18"/>
      <c r="C7" s="19"/>
      <c r="D7" s="38"/>
      <c r="E7" s="38"/>
      <c r="F7" s="38"/>
      <c r="G7" s="38"/>
      <c r="H7" s="38"/>
      <c r="I7" s="38"/>
      <c r="J7" s="35"/>
      <c r="K7" s="35"/>
      <c r="L7" s="35"/>
      <c r="M7" s="35"/>
      <c r="N7" s="35"/>
      <c r="O7" s="35"/>
      <c r="P7" s="35"/>
    </row>
    <row r="8" spans="1:16" ht="25.5" customHeight="1">
      <c r="A8" s="37" t="s">
        <v>1</v>
      </c>
      <c r="B8" s="37"/>
      <c r="C8" s="37"/>
      <c r="D8" s="36"/>
      <c r="E8" s="36"/>
      <c r="F8" s="36"/>
      <c r="G8" s="36"/>
      <c r="H8" s="36"/>
      <c r="I8" s="36"/>
      <c r="J8" s="35"/>
      <c r="K8" s="35"/>
      <c r="L8" s="35"/>
      <c r="M8" s="35"/>
      <c r="N8" s="35"/>
      <c r="O8" s="35"/>
      <c r="P8" s="35"/>
    </row>
    <row r="9" spans="1:16" ht="25.5" customHeight="1">
      <c r="A9" s="37"/>
      <c r="B9" s="37"/>
      <c r="C9" s="37"/>
      <c r="D9" s="36"/>
      <c r="E9" s="36"/>
      <c r="F9" s="36"/>
      <c r="G9" s="36"/>
      <c r="H9" s="36"/>
      <c r="I9" s="36"/>
      <c r="J9" s="35"/>
      <c r="K9" s="35"/>
      <c r="L9" s="35"/>
      <c r="M9" s="35"/>
      <c r="N9" s="35"/>
      <c r="O9" s="35"/>
      <c r="P9" s="35"/>
    </row>
    <row r="10" spans="1:16" ht="25.5" customHeight="1">
      <c r="A10" s="37" t="s">
        <v>2</v>
      </c>
      <c r="B10" s="37"/>
      <c r="C10" s="37"/>
      <c r="D10" s="36"/>
      <c r="E10" s="36"/>
      <c r="F10" s="36"/>
      <c r="G10" s="36"/>
      <c r="H10" s="36"/>
      <c r="I10" s="36"/>
      <c r="J10" s="35"/>
      <c r="K10" s="35"/>
      <c r="L10" s="35"/>
      <c r="M10" s="35"/>
      <c r="N10" s="35"/>
      <c r="O10" s="35"/>
      <c r="P10" s="35"/>
    </row>
    <row r="11" spans="1:16" ht="25.5" customHeight="1">
      <c r="A11" s="37" t="s">
        <v>3</v>
      </c>
      <c r="B11" s="37"/>
      <c r="C11" s="37"/>
      <c r="D11" s="36"/>
      <c r="E11" s="36"/>
      <c r="F11" s="36"/>
      <c r="G11" s="36"/>
      <c r="H11" s="36"/>
      <c r="I11" s="36"/>
      <c r="J11" s="35"/>
      <c r="K11" s="35"/>
      <c r="L11" s="35"/>
      <c r="M11" s="35"/>
      <c r="N11" s="35"/>
      <c r="O11" s="35"/>
      <c r="P11" s="35"/>
    </row>
    <row r="12" spans="1:16" ht="25.5" customHeight="1">
      <c r="A12" s="37"/>
      <c r="B12" s="37"/>
      <c r="C12" s="37"/>
      <c r="D12" s="36"/>
      <c r="E12" s="36"/>
      <c r="F12" s="36"/>
      <c r="G12" s="36"/>
      <c r="H12" s="36"/>
      <c r="I12" s="36"/>
      <c r="J12" s="35"/>
      <c r="K12" s="35"/>
      <c r="L12" s="35"/>
      <c r="M12" s="35"/>
      <c r="N12" s="35"/>
      <c r="O12" s="35"/>
      <c r="P12" s="35"/>
    </row>
    <row r="13" spans="1:16" ht="25.5" customHeight="1">
      <c r="A13" s="6"/>
      <c r="B13" s="6"/>
      <c r="C13" s="6"/>
      <c r="D13" s="6"/>
      <c r="E13" s="6"/>
      <c r="F13" s="6"/>
      <c r="G13" s="6"/>
      <c r="H13" s="6"/>
      <c r="I13" s="6"/>
      <c r="J13" s="6"/>
      <c r="K13" s="6"/>
      <c r="L13" s="6"/>
      <c r="M13" s="6"/>
      <c r="N13" s="6"/>
      <c r="O13" s="6"/>
      <c r="P13" s="6"/>
    </row>
    <row r="14" spans="1:16" ht="24.75" customHeight="1">
      <c r="A14" s="2" t="s">
        <v>157</v>
      </c>
      <c r="B14" s="4"/>
      <c r="C14" s="4"/>
      <c r="D14" s="8" t="s">
        <v>151</v>
      </c>
      <c r="E14" s="5"/>
      <c r="F14" s="5"/>
      <c r="G14" s="5"/>
      <c r="H14" s="6"/>
      <c r="I14" s="7"/>
      <c r="J14" s="6"/>
      <c r="K14" s="6"/>
      <c r="L14" s="6"/>
      <c r="M14" s="6"/>
      <c r="N14" s="6"/>
      <c r="O14" s="6"/>
      <c r="P14" s="6"/>
    </row>
    <row r="15" spans="1:16" ht="25.5" customHeight="1">
      <c r="A15" s="26" t="s">
        <v>153</v>
      </c>
      <c r="B15" s="27"/>
      <c r="C15" s="27"/>
      <c r="D15" s="27"/>
      <c r="E15" s="27"/>
      <c r="F15" s="27"/>
      <c r="G15" s="27"/>
      <c r="H15" s="27"/>
      <c r="I15" s="28"/>
      <c r="J15" s="20" t="s">
        <v>152</v>
      </c>
      <c r="K15" s="20"/>
      <c r="L15" s="20"/>
      <c r="M15" s="20"/>
      <c r="N15" s="20"/>
      <c r="O15" s="20"/>
      <c r="P15" s="21"/>
    </row>
    <row r="16" spans="1:16" ht="25.5" customHeight="1">
      <c r="A16" s="29"/>
      <c r="B16" s="30"/>
      <c r="C16" s="30"/>
      <c r="D16" s="30"/>
      <c r="E16" s="30"/>
      <c r="F16" s="30"/>
      <c r="G16" s="30"/>
      <c r="H16" s="30"/>
      <c r="I16" s="31"/>
      <c r="J16" s="22"/>
      <c r="K16" s="22"/>
      <c r="L16" s="22"/>
      <c r="M16" s="22"/>
      <c r="N16" s="22"/>
      <c r="O16" s="22"/>
      <c r="P16" s="23"/>
    </row>
    <row r="17" spans="1:16" ht="25.5" customHeight="1">
      <c r="A17" s="29"/>
      <c r="B17" s="30"/>
      <c r="C17" s="30"/>
      <c r="D17" s="30"/>
      <c r="E17" s="30"/>
      <c r="F17" s="30"/>
      <c r="G17" s="30"/>
      <c r="H17" s="30"/>
      <c r="I17" s="31"/>
      <c r="J17" s="22"/>
      <c r="K17" s="22"/>
      <c r="L17" s="22"/>
      <c r="M17" s="22"/>
      <c r="N17" s="22"/>
      <c r="O17" s="22"/>
      <c r="P17" s="23"/>
    </row>
    <row r="18" spans="1:16" ht="25.5" customHeight="1">
      <c r="A18" s="29"/>
      <c r="B18" s="30"/>
      <c r="C18" s="30"/>
      <c r="D18" s="30"/>
      <c r="E18" s="30"/>
      <c r="F18" s="30"/>
      <c r="G18" s="30"/>
      <c r="H18" s="30"/>
      <c r="I18" s="31"/>
      <c r="J18" s="22"/>
      <c r="K18" s="22"/>
      <c r="L18" s="22"/>
      <c r="M18" s="22"/>
      <c r="N18" s="22"/>
      <c r="O18" s="22"/>
      <c r="P18" s="23"/>
    </row>
    <row r="19" spans="1:16" ht="25.5" customHeight="1">
      <c r="A19" s="32"/>
      <c r="B19" s="33"/>
      <c r="C19" s="33"/>
      <c r="D19" s="33"/>
      <c r="E19" s="33"/>
      <c r="F19" s="33"/>
      <c r="G19" s="33"/>
      <c r="H19" s="33"/>
      <c r="I19" s="34"/>
      <c r="J19" s="24"/>
      <c r="K19" s="24"/>
      <c r="L19" s="24"/>
      <c r="M19" s="24"/>
      <c r="N19" s="24"/>
      <c r="O19" s="24"/>
      <c r="P19" s="25"/>
    </row>
    <row r="20" spans="1:16" ht="20.25" customHeight="1"/>
    <row r="21" spans="1:16" ht="20.25" customHeight="1"/>
    <row r="22" spans="1:16" ht="20.25" customHeight="1"/>
    <row r="23" spans="1:16" ht="20.25" customHeight="1"/>
    <row r="24" spans="1:16" ht="20.25" customHeight="1"/>
  </sheetData>
  <mergeCells count="16">
    <mergeCell ref="D6:I6"/>
    <mergeCell ref="A11:C12"/>
    <mergeCell ref="D11:I12"/>
    <mergeCell ref="D10:I10"/>
    <mergeCell ref="J6:P12"/>
    <mergeCell ref="J15:P19"/>
    <mergeCell ref="A15:I15"/>
    <mergeCell ref="A16:I19"/>
    <mergeCell ref="D7:I7"/>
    <mergeCell ref="D8:I9"/>
    <mergeCell ref="A7:C7"/>
    <mergeCell ref="A6:C6"/>
    <mergeCell ref="A10:C10"/>
    <mergeCell ref="A8:C9"/>
    <mergeCell ref="A1:P1"/>
    <mergeCell ref="A2:P2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907602-11BA-4B7B-B9BD-AB9181742E25}">
  <dimension ref="A3:Z41"/>
  <sheetViews>
    <sheetView topLeftCell="O1" workbookViewId="0">
      <selection activeCell="Q15" sqref="Q15"/>
    </sheetView>
  </sheetViews>
  <sheetFormatPr defaultColWidth="9" defaultRowHeight="13"/>
  <cols>
    <col min="1" max="4" width="9" style="9"/>
    <col min="5" max="8" width="15.08984375" style="9" customWidth="1"/>
    <col min="9" max="9" width="30.08984375" style="9" customWidth="1"/>
    <col min="10" max="13" width="15.08984375" style="9" customWidth="1"/>
    <col min="14" max="14" width="21.453125" style="9" customWidth="1"/>
    <col min="15" max="26" width="15.08984375" style="9" customWidth="1"/>
    <col min="27" max="16384" width="9" style="9"/>
  </cols>
  <sheetData>
    <row r="3" spans="1:24">
      <c r="A3" s="9" t="s">
        <v>4</v>
      </c>
      <c r="B3" s="9" t="s">
        <v>5</v>
      </c>
      <c r="E3" s="10" t="s">
        <v>132</v>
      </c>
      <c r="F3" s="10" t="s">
        <v>15</v>
      </c>
      <c r="G3" s="10" t="s">
        <v>133</v>
      </c>
      <c r="H3" s="10" t="s">
        <v>141</v>
      </c>
      <c r="I3" s="10" t="s">
        <v>18</v>
      </c>
      <c r="J3" s="10" t="s">
        <v>142</v>
      </c>
      <c r="K3" s="10" t="s">
        <v>143</v>
      </c>
      <c r="L3" s="10" t="s">
        <v>134</v>
      </c>
      <c r="M3" s="10" t="s">
        <v>144</v>
      </c>
      <c r="N3" s="10" t="s">
        <v>145</v>
      </c>
      <c r="O3" s="10" t="s">
        <v>135</v>
      </c>
      <c r="P3" s="10" t="s">
        <v>136</v>
      </c>
      <c r="Q3" s="10" t="s">
        <v>137</v>
      </c>
      <c r="R3" s="10" t="s">
        <v>138</v>
      </c>
      <c r="S3" s="10" t="s">
        <v>139</v>
      </c>
      <c r="T3" s="10" t="s">
        <v>140</v>
      </c>
      <c r="U3" s="10" t="s">
        <v>146</v>
      </c>
      <c r="V3" s="10" t="s">
        <v>147</v>
      </c>
      <c r="W3" s="10" t="s">
        <v>148</v>
      </c>
      <c r="X3" s="10" t="s">
        <v>149</v>
      </c>
    </row>
    <row r="4" spans="1:24">
      <c r="B4" s="9" t="s">
        <v>6</v>
      </c>
      <c r="E4" s="9" t="s">
        <v>33</v>
      </c>
      <c r="F4" s="9" t="s">
        <v>35</v>
      </c>
      <c r="G4" s="9" t="s">
        <v>133</v>
      </c>
      <c r="H4" s="9" t="s">
        <v>37</v>
      </c>
      <c r="I4" s="9" t="s">
        <v>40</v>
      </c>
      <c r="J4" s="9" t="s">
        <v>64</v>
      </c>
      <c r="K4" s="9" t="s">
        <v>68</v>
      </c>
      <c r="L4" s="9" t="s">
        <v>73</v>
      </c>
      <c r="M4" s="9" t="s">
        <v>81</v>
      </c>
      <c r="N4" s="9" t="s">
        <v>93</v>
      </c>
      <c r="O4" s="9" t="s">
        <v>99</v>
      </c>
      <c r="P4" s="9" t="s">
        <v>102</v>
      </c>
      <c r="Q4" s="9" t="s">
        <v>106</v>
      </c>
      <c r="R4" s="9" t="s">
        <v>109</v>
      </c>
      <c r="S4" s="9" t="s">
        <v>112</v>
      </c>
      <c r="T4" s="9" t="s">
        <v>114</v>
      </c>
      <c r="U4" s="9" t="s">
        <v>117</v>
      </c>
      <c r="V4" s="9" t="s">
        <v>119</v>
      </c>
      <c r="W4" s="9" t="s">
        <v>128</v>
      </c>
      <c r="X4" s="9" t="s">
        <v>32</v>
      </c>
    </row>
    <row r="5" spans="1:24">
      <c r="B5" s="9" t="s">
        <v>7</v>
      </c>
      <c r="E5" s="9" t="s">
        <v>34</v>
      </c>
      <c r="F5" s="9" t="s">
        <v>36</v>
      </c>
      <c r="H5" s="9" t="s">
        <v>38</v>
      </c>
      <c r="I5" s="9" t="s">
        <v>41</v>
      </c>
      <c r="J5" s="9" t="s">
        <v>65</v>
      </c>
      <c r="K5" s="9" t="s">
        <v>69</v>
      </c>
      <c r="L5" s="9" t="s">
        <v>74</v>
      </c>
      <c r="M5" s="9" t="s">
        <v>82</v>
      </c>
      <c r="N5" s="9" t="s">
        <v>94</v>
      </c>
      <c r="O5" s="9" t="s">
        <v>100</v>
      </c>
      <c r="P5" s="9" t="s">
        <v>103</v>
      </c>
      <c r="Q5" s="9" t="s">
        <v>107</v>
      </c>
      <c r="R5" s="9" t="s">
        <v>110</v>
      </c>
      <c r="S5" s="9" t="s">
        <v>113</v>
      </c>
      <c r="T5" s="9" t="s">
        <v>115</v>
      </c>
      <c r="U5" s="9" t="s">
        <v>118</v>
      </c>
      <c r="V5" s="9" t="s">
        <v>120</v>
      </c>
      <c r="W5" s="9" t="s">
        <v>129</v>
      </c>
    </row>
    <row r="6" spans="1:24">
      <c r="B6" s="9" t="s">
        <v>8</v>
      </c>
      <c r="H6" s="9" t="s">
        <v>39</v>
      </c>
      <c r="I6" s="9" t="s">
        <v>42</v>
      </c>
      <c r="J6" s="9" t="s">
        <v>66</v>
      </c>
      <c r="K6" s="9" t="s">
        <v>70</v>
      </c>
      <c r="L6" s="9" t="s">
        <v>75</v>
      </c>
      <c r="M6" s="9" t="s">
        <v>83</v>
      </c>
      <c r="N6" s="9" t="s">
        <v>95</v>
      </c>
      <c r="O6" s="9" t="s">
        <v>101</v>
      </c>
      <c r="P6" s="9" t="s">
        <v>104</v>
      </c>
      <c r="Q6" s="9" t="s">
        <v>108</v>
      </c>
      <c r="R6" s="9" t="s">
        <v>111</v>
      </c>
      <c r="T6" s="9" t="s">
        <v>116</v>
      </c>
      <c r="V6" s="9" t="s">
        <v>121</v>
      </c>
    </row>
    <row r="7" spans="1:24">
      <c r="B7" s="9" t="s">
        <v>9</v>
      </c>
      <c r="I7" s="9" t="s">
        <v>43</v>
      </c>
      <c r="J7" s="9" t="s">
        <v>67</v>
      </c>
      <c r="K7" s="9" t="s">
        <v>71</v>
      </c>
      <c r="L7" s="9" t="s">
        <v>76</v>
      </c>
      <c r="M7" s="9" t="s">
        <v>84</v>
      </c>
      <c r="N7" s="9" t="s">
        <v>96</v>
      </c>
      <c r="P7" s="9" t="s">
        <v>105</v>
      </c>
      <c r="V7" s="9" t="s">
        <v>122</v>
      </c>
    </row>
    <row r="8" spans="1:24">
      <c r="B8" s="9" t="s">
        <v>10</v>
      </c>
      <c r="I8" s="9" t="s">
        <v>44</v>
      </c>
      <c r="K8" s="9" t="s">
        <v>72</v>
      </c>
      <c r="L8" s="9" t="s">
        <v>77</v>
      </c>
      <c r="M8" s="9" t="s">
        <v>85</v>
      </c>
      <c r="N8" s="9" t="s">
        <v>97</v>
      </c>
      <c r="V8" s="9" t="s">
        <v>123</v>
      </c>
    </row>
    <row r="9" spans="1:24">
      <c r="B9" s="9" t="s">
        <v>11</v>
      </c>
      <c r="I9" s="9" t="s">
        <v>45</v>
      </c>
      <c r="L9" s="9" t="s">
        <v>78</v>
      </c>
      <c r="M9" s="9" t="s">
        <v>86</v>
      </c>
      <c r="N9" s="9" t="s">
        <v>98</v>
      </c>
      <c r="V9" s="9" t="s">
        <v>124</v>
      </c>
    </row>
    <row r="10" spans="1:24">
      <c r="B10" s="9" t="s">
        <v>12</v>
      </c>
      <c r="I10" s="9" t="s">
        <v>46</v>
      </c>
      <c r="L10" s="9" t="s">
        <v>79</v>
      </c>
      <c r="M10" s="9" t="s">
        <v>87</v>
      </c>
      <c r="V10" s="9" t="s">
        <v>125</v>
      </c>
    </row>
    <row r="11" spans="1:24">
      <c r="B11" s="9" t="s">
        <v>13</v>
      </c>
      <c r="I11" s="9" t="s">
        <v>47</v>
      </c>
      <c r="L11" s="9" t="s">
        <v>80</v>
      </c>
      <c r="M11" s="9" t="s">
        <v>88</v>
      </c>
      <c r="V11" s="9" t="s">
        <v>126</v>
      </c>
    </row>
    <row r="12" spans="1:24">
      <c r="I12" s="9" t="s">
        <v>48</v>
      </c>
      <c r="M12" s="9" t="s">
        <v>89</v>
      </c>
      <c r="V12" s="9" t="s">
        <v>127</v>
      </c>
    </row>
    <row r="13" spans="1:24">
      <c r="I13" s="9" t="s">
        <v>49</v>
      </c>
      <c r="M13" s="9" t="s">
        <v>90</v>
      </c>
    </row>
    <row r="14" spans="1:24">
      <c r="I14" s="9" t="s">
        <v>50</v>
      </c>
      <c r="M14" s="9" t="s">
        <v>91</v>
      </c>
    </row>
    <row r="15" spans="1:24">
      <c r="I15" s="9" t="s">
        <v>51</v>
      </c>
      <c r="M15" s="9" t="s">
        <v>92</v>
      </c>
    </row>
    <row r="16" spans="1:24">
      <c r="I16" s="9" t="s">
        <v>52</v>
      </c>
    </row>
    <row r="17" spans="9:9">
      <c r="I17" s="9" t="s">
        <v>53</v>
      </c>
    </row>
    <row r="18" spans="9:9">
      <c r="I18" s="9" t="s">
        <v>54</v>
      </c>
    </row>
    <row r="19" spans="9:9">
      <c r="I19" s="9" t="s">
        <v>55</v>
      </c>
    </row>
    <row r="20" spans="9:9">
      <c r="I20" s="9" t="s">
        <v>56</v>
      </c>
    </row>
    <row r="21" spans="9:9">
      <c r="I21" s="9" t="s">
        <v>57</v>
      </c>
    </row>
    <row r="22" spans="9:9">
      <c r="I22" s="9" t="s">
        <v>58</v>
      </c>
    </row>
    <row r="23" spans="9:9">
      <c r="I23" s="9" t="s">
        <v>59</v>
      </c>
    </row>
    <row r="24" spans="9:9">
      <c r="I24" s="9" t="s">
        <v>60</v>
      </c>
    </row>
    <row r="25" spans="9:9">
      <c r="I25" s="9" t="s">
        <v>61</v>
      </c>
    </row>
    <row r="26" spans="9:9">
      <c r="I26" s="9" t="s">
        <v>62</v>
      </c>
    </row>
    <row r="27" spans="9:9">
      <c r="I27" s="9" t="s">
        <v>63</v>
      </c>
    </row>
    <row r="41" spans="7:26">
      <c r="G41" s="9" t="s">
        <v>130</v>
      </c>
      <c r="H41" s="9" t="s">
        <v>15</v>
      </c>
      <c r="I41" s="9" t="s">
        <v>16</v>
      </c>
      <c r="J41" s="9" t="s">
        <v>17</v>
      </c>
      <c r="K41" s="9" t="s">
        <v>18</v>
      </c>
      <c r="L41" s="9" t="s">
        <v>19</v>
      </c>
      <c r="M41" s="9" t="s">
        <v>20</v>
      </c>
      <c r="N41" s="9" t="s">
        <v>21</v>
      </c>
      <c r="O41" s="9" t="s">
        <v>22</v>
      </c>
      <c r="P41" s="9" t="s">
        <v>23</v>
      </c>
      <c r="Q41" s="9" t="s">
        <v>24</v>
      </c>
      <c r="R41" s="9" t="s">
        <v>25</v>
      </c>
      <c r="S41" s="9" t="s">
        <v>26</v>
      </c>
      <c r="T41" s="9" t="s">
        <v>131</v>
      </c>
      <c r="U41" s="9" t="s">
        <v>27</v>
      </c>
      <c r="V41" s="9" t="s">
        <v>28</v>
      </c>
      <c r="W41" s="9" t="s">
        <v>29</v>
      </c>
      <c r="X41" s="9" t="s">
        <v>30</v>
      </c>
      <c r="Y41" s="9" t="s">
        <v>31</v>
      </c>
      <c r="Z41" s="9" t="s">
        <v>32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0</vt:i4>
      </vt:variant>
    </vt:vector>
  </HeadingPairs>
  <TitlesOfParts>
    <vt:vector size="22" baseType="lpstr">
      <vt:lpstr>申込書</vt:lpstr>
      <vt:lpstr>リスト</vt:lpstr>
      <vt:lpstr>サービス業・他に分類されないもの</vt:lpstr>
      <vt:lpstr>医療・福祉</vt:lpstr>
      <vt:lpstr>運輸業・郵便業</vt:lpstr>
      <vt:lpstr>卸売業・小売業</vt:lpstr>
      <vt:lpstr>学術研究・専門・技術サービス業</vt:lpstr>
      <vt:lpstr>漁業</vt:lpstr>
      <vt:lpstr>教育・学習支援業</vt:lpstr>
      <vt:lpstr>金融業・保険業</vt:lpstr>
      <vt:lpstr>建設業</vt:lpstr>
      <vt:lpstr>公務・他に分類されるものを除く</vt:lpstr>
      <vt:lpstr>鉱業・採石業・砂利採取業</vt:lpstr>
      <vt:lpstr>宿泊業・飲食サービス業</vt:lpstr>
      <vt:lpstr>情報通信業</vt:lpstr>
      <vt:lpstr>生活関連サービス業・娯楽業</vt:lpstr>
      <vt:lpstr>製造業</vt:lpstr>
      <vt:lpstr>電気・ガス・熱供給・水道業</vt:lpstr>
      <vt:lpstr>農業・林業</vt:lpstr>
      <vt:lpstr>不動産業・物品賃貸業</vt:lpstr>
      <vt:lpstr>複合サービス事業</vt:lpstr>
      <vt:lpstr>分類不能の産業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-</cp:lastModifiedBy>
  <cp:lastPrinted>2023-05-31T21:57:27Z</cp:lastPrinted>
  <dcterms:created xsi:type="dcterms:W3CDTF">1997-01-08T22:48:59Z</dcterms:created>
  <dcterms:modified xsi:type="dcterms:W3CDTF">2024-06-10T02:42:16Z</dcterms:modified>
</cp:coreProperties>
</file>